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divers pays, les besoins de ces programmes peuvent varier considérablement d'un endroit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es situation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